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6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STASIA MASŁOWSKA\2021\pow.214 tys\4UEPN.Programy lekowe\"/>
    </mc:Choice>
  </mc:AlternateContent>
  <xr:revisionPtr revIDLastSave="0" documentId="13_ncr:1_{62A28B60-DB77-4A6C-BA28-38D28ADA326D}" xr6:coauthVersionLast="46" xr6:coauthVersionMax="46" xr10:uidLastSave="{00000000-0000-0000-0000-000000000000}"/>
  <bookViews>
    <workbookView xWindow="-120" yWindow="-120" windowWidth="29040" windowHeight="15840" xr2:uid="{62A65BF9-6F00-4933-899A-9F4A5F475C8C}"/>
  </bookViews>
  <sheets>
    <sheet name="Zbiorcze zestawienie ofert" sheetId="1" r:id="rId1"/>
    <sheet name="Dane adresowe Wykonawcy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1" uniqueCount="52">
  <si>
    <t>Nr części</t>
  </si>
  <si>
    <t>Kwota przeznaczona</t>
  </si>
  <si>
    <t>Wykonawca</t>
  </si>
  <si>
    <t>Wartość oferty brutto</t>
  </si>
  <si>
    <t>Dane adresowe Wykonawcy</t>
  </si>
  <si>
    <t>Roche Polska</t>
  </si>
  <si>
    <t>Nr oferty</t>
  </si>
  <si>
    <t>Roche Polska Sp. z o.o.n ul. Domaniewska 39B, 02-672 Warszawa</t>
  </si>
  <si>
    <t>Abbvie</t>
  </si>
  <si>
    <t>Abbvie Sp. z o.o., ul. Postępu 21B, 02-676 Warszawa</t>
  </si>
  <si>
    <t>Astra Zeneka</t>
  </si>
  <si>
    <t>Astra Zeneca AB, 151 85 Sodertalje Sweden</t>
  </si>
  <si>
    <t>Ascole[pios S.A., ul. Hubska 44, 50-502 Wrocław</t>
  </si>
  <si>
    <t>Asclepios</t>
  </si>
  <si>
    <t>Tramco</t>
  </si>
  <si>
    <t>Tramco Sp. z o.o., ul. Wolska 14, Wolskie, 05-860 Płochocin</t>
  </si>
  <si>
    <t>Farmacol Logistyka Sp. z o.o., ul. Szopienicka 77, 40-431 Katowice</t>
  </si>
  <si>
    <t>Farmacol</t>
  </si>
  <si>
    <t>Lek S.A., ul. Podlipie16, 95-010 Stryków</t>
  </si>
  <si>
    <t>Lek</t>
  </si>
  <si>
    <t>Komtur</t>
  </si>
  <si>
    <t>Komtur Polska Sp. z o.o., Plac Farmacji 1, 02-699 Warszawa</t>
  </si>
  <si>
    <t>Amgen Sp. z o.o., ul. Puławska 145, 02-715 Warszawa</t>
  </si>
  <si>
    <t>Amgen</t>
  </si>
  <si>
    <t>Bialmed Sp, z o.o., ul. Kazimierzowska 46/48/35, 02-546 Warszawa</t>
  </si>
  <si>
    <t>Bialmed</t>
  </si>
  <si>
    <t>Servier Polska Services Sp. z o.o., ul. Jana Kazimierza 10, 01-248 Warszawa</t>
  </si>
  <si>
    <t>Servier</t>
  </si>
  <si>
    <t>Sanofif-Aventis Sp. z o.o., ul. Bonifraterska 17, 00-203 Warszawa</t>
  </si>
  <si>
    <t>Sanofi-Aventis</t>
  </si>
  <si>
    <t>Fresenius Kabi Polska Sp. z o.o., Al.. Jerozolimskie 134, 02-305 Warszawa</t>
  </si>
  <si>
    <t>Fresenius Kabi</t>
  </si>
  <si>
    <t>Takeda Pharma Sp. z o.o., ul. Prosta 68, 00-838 Warszawa</t>
  </si>
  <si>
    <t>Takeda</t>
  </si>
  <si>
    <t>Pfizer Trading Polska Sp. z o.o., ul. Żwirki i Wigury 16B, 02-092 Warzawa</t>
  </si>
  <si>
    <t>Pfizer</t>
  </si>
  <si>
    <t>Centrala Farmaceutyczna Cefarm S.A., ul. Jana Kazimierza 16, 01-248 Warszawa</t>
  </si>
  <si>
    <t>Cefarm</t>
  </si>
  <si>
    <t>Fresenius Medical Care Polska S.A., ul. Krzywa 13, 60-118 Poznań</t>
  </si>
  <si>
    <t>Fresenius Medical</t>
  </si>
  <si>
    <t>Konsorcjum: Bayer Sp. z o.o., Al.. Jerozolimskie 158, 02-326 Warszawa; i Urtica Sp. z o.o., ul. Krzemieniecka 120, 54-613 Wrocław</t>
  </si>
  <si>
    <t>Bayer i Urtica</t>
  </si>
  <si>
    <t>Konsorcjum: Urtica Sp. z o.o., ul. Krzemieniecka 120, 54-613 Wrocław i PGF SA, ul. Zbąszyńska 3, 91-342 Łódź</t>
  </si>
  <si>
    <t>Urtica</t>
  </si>
  <si>
    <t>Salus International Sp. z o.o., ul. Pułaskiego 9, 40-273 Katowice</t>
  </si>
  <si>
    <t>Salus</t>
  </si>
  <si>
    <t>Jansen-Cilag Polska Sp. z o.o., ul. Iłżecka 24, 02-135 Warszawa</t>
  </si>
  <si>
    <t>Janssen</t>
  </si>
  <si>
    <t>brak ofert</t>
  </si>
  <si>
    <t>Sporządziła: Stanisława Masłowska dnia 4 marca 2021r.</t>
  </si>
  <si>
    <t xml:space="preserve">DZPZ/333/4UEPN/2021 </t>
  </si>
  <si>
    <t>Zbiorcze zestawienie ofer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3" formatCode="_-* #,##0.00_-;\-* #,##0.00_-;_-* &quot;-&quot;??_-;_-@_-"/>
  </numFmts>
  <fonts count="6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1"/>
      <color rgb="FF000000"/>
      <name val="Arial CE"/>
      <charset val="238"/>
    </font>
    <font>
      <sz val="11"/>
      <name val="Calibri"/>
      <family val="2"/>
      <charset val="238"/>
      <scheme val="minor"/>
    </font>
    <font>
      <sz val="11"/>
      <color rgb="FF000000"/>
      <name val="Arial CE"/>
      <charset val="238"/>
    </font>
  </fonts>
  <fills count="4">
    <fill>
      <patternFill patternType="none"/>
    </fill>
    <fill>
      <patternFill patternType="gray125"/>
    </fill>
    <fill>
      <patternFill patternType="solid">
        <fgColor rgb="FFEEEEEE"/>
        <bgColor rgb="FFEEEEEE"/>
      </patternFill>
    </fill>
    <fill>
      <patternFill patternType="solid">
        <fgColor theme="4" tint="0.59999389629810485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rgb="FF000000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rgb="FF000000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40">
    <xf numFmtId="0" fontId="0" fillId="0" borderId="0" xfId="0"/>
    <xf numFmtId="0" fontId="0" fillId="0" borderId="1" xfId="0" applyBorder="1"/>
    <xf numFmtId="0" fontId="2" fillId="0" borderId="1" xfId="0" applyFont="1" applyBorder="1"/>
    <xf numFmtId="0" fontId="0" fillId="0" borderId="0" xfId="0" applyAlignment="1">
      <alignment wrapText="1"/>
    </xf>
    <xf numFmtId="43" fontId="0" fillId="0" borderId="1" xfId="1" applyFont="1" applyBorder="1"/>
    <xf numFmtId="0" fontId="3" fillId="2" borderId="2" xfId="0" applyFont="1" applyFill="1" applyBorder="1" applyAlignment="1">
      <alignment horizontal="center"/>
    </xf>
    <xf numFmtId="0" fontId="2" fillId="0" borderId="3" xfId="0" applyFont="1" applyBorder="1" applyAlignment="1">
      <alignment horizontal="center" wrapText="1"/>
    </xf>
    <xf numFmtId="0" fontId="3" fillId="0" borderId="4" xfId="0" applyFont="1" applyBorder="1" applyAlignment="1">
      <alignment horizontal="center"/>
    </xf>
    <xf numFmtId="43" fontId="0" fillId="0" borderId="5" xfId="1" applyFont="1" applyBorder="1"/>
    <xf numFmtId="0" fontId="0" fillId="0" borderId="5" xfId="0" applyBorder="1"/>
    <xf numFmtId="43" fontId="0" fillId="0" borderId="6" xfId="1" applyFont="1" applyBorder="1"/>
    <xf numFmtId="0" fontId="3" fillId="0" borderId="7" xfId="0" applyFont="1" applyBorder="1" applyAlignment="1">
      <alignment horizontal="center"/>
    </xf>
    <xf numFmtId="43" fontId="0" fillId="0" borderId="8" xfId="1" applyFont="1" applyBorder="1"/>
    <xf numFmtId="0" fontId="0" fillId="0" borderId="8" xfId="0" applyBorder="1"/>
    <xf numFmtId="43" fontId="0" fillId="0" borderId="9" xfId="1" applyFont="1" applyBorder="1"/>
    <xf numFmtId="0" fontId="3" fillId="0" borderId="10" xfId="0" applyFont="1" applyBorder="1" applyAlignment="1">
      <alignment horizontal="center"/>
    </xf>
    <xf numFmtId="43" fontId="0" fillId="0" borderId="11" xfId="1" applyFont="1" applyBorder="1"/>
    <xf numFmtId="0" fontId="0" fillId="0" borderId="11" xfId="0" applyBorder="1"/>
    <xf numFmtId="43" fontId="0" fillId="0" borderId="12" xfId="1" applyFont="1" applyBorder="1"/>
    <xf numFmtId="0" fontId="3" fillId="0" borderId="13" xfId="0" applyFont="1" applyBorder="1" applyAlignment="1">
      <alignment horizontal="center"/>
    </xf>
    <xf numFmtId="43" fontId="0" fillId="0" borderId="14" xfId="1" applyFont="1" applyBorder="1"/>
    <xf numFmtId="0" fontId="0" fillId="0" borderId="14" xfId="0" applyBorder="1"/>
    <xf numFmtId="0" fontId="3" fillId="0" borderId="15" xfId="0" applyFont="1" applyBorder="1" applyAlignment="1">
      <alignment horizontal="center"/>
    </xf>
    <xf numFmtId="43" fontId="0" fillId="0" borderId="16" xfId="1" applyFont="1" applyBorder="1"/>
    <xf numFmtId="0" fontId="5" fillId="0" borderId="4" xfId="0" applyFont="1" applyBorder="1" applyAlignment="1">
      <alignment horizontal="center"/>
    </xf>
    <xf numFmtId="43" fontId="1" fillId="0" borderId="5" xfId="1" applyFont="1" applyBorder="1"/>
    <xf numFmtId="0" fontId="0" fillId="0" borderId="5" xfId="0" applyFont="1" applyBorder="1"/>
    <xf numFmtId="43" fontId="1" fillId="0" borderId="6" xfId="1" applyFont="1" applyBorder="1"/>
    <xf numFmtId="43" fontId="4" fillId="0" borderId="9" xfId="1" applyFont="1" applyBorder="1"/>
    <xf numFmtId="43" fontId="4" fillId="0" borderId="16" xfId="1" applyFont="1" applyBorder="1"/>
    <xf numFmtId="43" fontId="4" fillId="0" borderId="12" xfId="1" applyFont="1" applyBorder="1"/>
    <xf numFmtId="0" fontId="2" fillId="0" borderId="1" xfId="0" applyFont="1" applyBorder="1" applyAlignment="1">
      <alignment horizontal="center"/>
    </xf>
    <xf numFmtId="0" fontId="0" fillId="0" borderId="1" xfId="0" applyBorder="1" applyAlignment="1">
      <alignment horizontal="center"/>
    </xf>
    <xf numFmtId="0" fontId="0" fillId="0" borderId="0" xfId="0" applyAlignment="1">
      <alignment horizontal="center"/>
    </xf>
    <xf numFmtId="0" fontId="0" fillId="0" borderId="1" xfId="0" applyBorder="1" applyAlignment="1">
      <alignment vertical="center" wrapText="1"/>
    </xf>
    <xf numFmtId="0" fontId="0" fillId="0" borderId="3" xfId="0" applyBorder="1" applyAlignment="1">
      <alignment horizontal="center"/>
    </xf>
    <xf numFmtId="0" fontId="0" fillId="0" borderId="3" xfId="0" applyBorder="1" applyAlignment="1">
      <alignment wrapText="1"/>
    </xf>
    <xf numFmtId="0" fontId="0" fillId="0" borderId="0" xfId="0" applyBorder="1" applyAlignment="1">
      <alignment horizontal="center"/>
    </xf>
    <xf numFmtId="0" fontId="0" fillId="0" borderId="0" xfId="0" applyBorder="1" applyAlignment="1">
      <alignment wrapText="1"/>
    </xf>
    <xf numFmtId="0" fontId="2" fillId="3" borderId="0" xfId="0" applyFont="1" applyFill="1"/>
  </cellXfs>
  <cellStyles count="2">
    <cellStyle name="Dziesiętny" xfId="1" builtinId="3"/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3BA9C6D-EE73-44DF-96D8-75D3FD481A49}">
  <dimension ref="A1:D86"/>
  <sheetViews>
    <sheetView tabSelected="1" workbookViewId="0">
      <selection activeCell="I13" sqref="I13"/>
    </sheetView>
  </sheetViews>
  <sheetFormatPr defaultRowHeight="15" x14ac:dyDescent="0.25"/>
  <cols>
    <col min="2" max="2" width="22" customWidth="1"/>
    <col min="3" max="3" width="24.5703125" customWidth="1"/>
    <col min="4" max="4" width="27" customWidth="1"/>
  </cols>
  <sheetData>
    <row r="1" spans="1:4" x14ac:dyDescent="0.25">
      <c r="B1" s="39" t="s">
        <v>50</v>
      </c>
      <c r="C1" s="39" t="s">
        <v>51</v>
      </c>
    </row>
    <row r="3" spans="1:4" ht="15.75" thickBot="1" x14ac:dyDescent="0.3">
      <c r="A3" s="5" t="s">
        <v>0</v>
      </c>
      <c r="B3" s="6" t="s">
        <v>1</v>
      </c>
      <c r="C3" s="6" t="s">
        <v>2</v>
      </c>
      <c r="D3" s="6" t="s">
        <v>3</v>
      </c>
    </row>
    <row r="4" spans="1:4" ht="15.75" thickBot="1" x14ac:dyDescent="0.3">
      <c r="A4" s="7">
        <v>1</v>
      </c>
      <c r="B4" s="8">
        <v>3295685.1347999997</v>
      </c>
      <c r="C4" s="9" t="s">
        <v>43</v>
      </c>
      <c r="D4" s="10">
        <v>3295685.14</v>
      </c>
    </row>
    <row r="5" spans="1:4" ht="15.75" thickBot="1" x14ac:dyDescent="0.3">
      <c r="A5" s="7">
        <v>2</v>
      </c>
      <c r="B5" s="8">
        <v>5807572.3440000014</v>
      </c>
      <c r="C5" s="9" t="s">
        <v>43</v>
      </c>
      <c r="D5" s="10">
        <v>5807572.3399999999</v>
      </c>
    </row>
    <row r="6" spans="1:4" ht="15.75" thickBot="1" x14ac:dyDescent="0.3">
      <c r="A6" s="7">
        <v>3</v>
      </c>
      <c r="B6" s="8">
        <v>480472.81920000003</v>
      </c>
      <c r="C6" s="9" t="s">
        <v>35</v>
      </c>
      <c r="D6" s="10">
        <v>480472.82</v>
      </c>
    </row>
    <row r="7" spans="1:4" x14ac:dyDescent="0.25">
      <c r="A7" s="11">
        <v>4</v>
      </c>
      <c r="B7" s="12">
        <v>4847850</v>
      </c>
      <c r="C7" s="13" t="s">
        <v>17</v>
      </c>
      <c r="D7" s="14">
        <v>4847850</v>
      </c>
    </row>
    <row r="8" spans="1:4" ht="15.75" thickBot="1" x14ac:dyDescent="0.3">
      <c r="A8" s="15"/>
      <c r="B8" s="16"/>
      <c r="C8" s="17" t="s">
        <v>43</v>
      </c>
      <c r="D8" s="18">
        <v>4847850</v>
      </c>
    </row>
    <row r="9" spans="1:4" ht="15.75" thickBot="1" x14ac:dyDescent="0.3">
      <c r="A9" s="7">
        <v>5</v>
      </c>
      <c r="B9" s="8">
        <v>470000.016</v>
      </c>
      <c r="C9" s="9" t="s">
        <v>13</v>
      </c>
      <c r="D9" s="10">
        <v>470000.02</v>
      </c>
    </row>
    <row r="10" spans="1:4" ht="15.75" thickBot="1" x14ac:dyDescent="0.3">
      <c r="A10" s="7">
        <v>6</v>
      </c>
      <c r="B10" s="8">
        <v>3377913.6672</v>
      </c>
      <c r="C10" s="9" t="s">
        <v>20</v>
      </c>
      <c r="D10" s="10">
        <v>3377913.67</v>
      </c>
    </row>
    <row r="11" spans="1:4" ht="15.75" thickBot="1" x14ac:dyDescent="0.3">
      <c r="A11" s="7">
        <v>7</v>
      </c>
      <c r="B11" s="8">
        <v>444890.88</v>
      </c>
      <c r="C11" s="9" t="s">
        <v>20</v>
      </c>
      <c r="D11" s="10">
        <v>444890.88</v>
      </c>
    </row>
    <row r="12" spans="1:4" ht="15.75" thickBot="1" x14ac:dyDescent="0.3">
      <c r="A12" s="7">
        <v>8</v>
      </c>
      <c r="B12" s="8">
        <v>16614.1152</v>
      </c>
      <c r="C12" s="9" t="s">
        <v>23</v>
      </c>
      <c r="D12" s="10">
        <v>16614.12</v>
      </c>
    </row>
    <row r="13" spans="1:4" ht="15.75" thickBot="1" x14ac:dyDescent="0.3">
      <c r="A13" s="7">
        <v>9</v>
      </c>
      <c r="B13" s="8">
        <v>22419.763200000001</v>
      </c>
      <c r="C13" s="9" t="s">
        <v>27</v>
      </c>
      <c r="D13" s="10">
        <v>22419.759999999998</v>
      </c>
    </row>
    <row r="14" spans="1:4" ht="15.75" thickBot="1" x14ac:dyDescent="0.3">
      <c r="A14" s="7">
        <v>10</v>
      </c>
      <c r="B14" s="8">
        <v>632799.8208000001</v>
      </c>
      <c r="C14" s="9" t="s">
        <v>47</v>
      </c>
      <c r="D14" s="10">
        <v>632799.81999999995</v>
      </c>
    </row>
    <row r="15" spans="1:4" ht="15.75" thickBot="1" x14ac:dyDescent="0.3">
      <c r="A15" s="7">
        <v>11</v>
      </c>
      <c r="B15" s="8">
        <v>165953.83679999999</v>
      </c>
      <c r="C15" s="9" t="s">
        <v>43</v>
      </c>
      <c r="D15" s="10">
        <v>156400.01999999999</v>
      </c>
    </row>
    <row r="16" spans="1:4" ht="15.75" thickBot="1" x14ac:dyDescent="0.3">
      <c r="A16" s="7">
        <v>12</v>
      </c>
      <c r="B16" s="8">
        <v>79246.771200000003</v>
      </c>
      <c r="C16" s="9" t="s">
        <v>23</v>
      </c>
      <c r="D16" s="10">
        <v>79246.77</v>
      </c>
    </row>
    <row r="17" spans="1:4" ht="15.75" thickBot="1" x14ac:dyDescent="0.3">
      <c r="A17" s="7">
        <v>13</v>
      </c>
      <c r="B17" s="8">
        <v>97905.02399999999</v>
      </c>
      <c r="C17" s="9" t="s">
        <v>8</v>
      </c>
      <c r="D17" s="10">
        <v>98594.5</v>
      </c>
    </row>
    <row r="18" spans="1:4" ht="15.75" thickBot="1" x14ac:dyDescent="0.3">
      <c r="A18" s="7">
        <v>14</v>
      </c>
      <c r="B18" s="8">
        <v>110652.96600000001</v>
      </c>
      <c r="C18" s="9" t="s">
        <v>5</v>
      </c>
      <c r="D18" s="10">
        <v>107333.29</v>
      </c>
    </row>
    <row r="19" spans="1:4" ht="15.75" thickBot="1" x14ac:dyDescent="0.3">
      <c r="A19" s="7">
        <v>15</v>
      </c>
      <c r="B19" s="8">
        <v>1103299.4016</v>
      </c>
      <c r="C19" s="9" t="s">
        <v>29</v>
      </c>
      <c r="D19" s="10">
        <v>1103299.3999999999</v>
      </c>
    </row>
    <row r="20" spans="1:4" ht="15.75" thickBot="1" x14ac:dyDescent="0.3">
      <c r="A20" s="7">
        <v>16</v>
      </c>
      <c r="B20" s="8">
        <v>19630.857600000003</v>
      </c>
      <c r="C20" s="9" t="s">
        <v>43</v>
      </c>
      <c r="D20" s="10">
        <v>18244.22</v>
      </c>
    </row>
    <row r="21" spans="1:4" ht="15.75" thickBot="1" x14ac:dyDescent="0.3">
      <c r="A21" s="7">
        <v>17</v>
      </c>
      <c r="B21" s="8">
        <v>2488199.4720000001</v>
      </c>
      <c r="C21" s="9" t="s">
        <v>10</v>
      </c>
      <c r="D21" s="10">
        <v>2305644.2599999998</v>
      </c>
    </row>
    <row r="22" spans="1:4" ht="15.75" thickBot="1" x14ac:dyDescent="0.3">
      <c r="A22" s="7">
        <v>18</v>
      </c>
      <c r="B22" s="8">
        <v>3084661.4400000004</v>
      </c>
      <c r="C22" s="9" t="s">
        <v>20</v>
      </c>
      <c r="D22" s="10">
        <v>3084661.44</v>
      </c>
    </row>
    <row r="23" spans="1:4" ht="15.75" thickBot="1" x14ac:dyDescent="0.3">
      <c r="A23" s="7">
        <v>19</v>
      </c>
      <c r="B23" s="8">
        <v>18418.103999999999</v>
      </c>
      <c r="C23" s="9" t="s">
        <v>23</v>
      </c>
      <c r="D23" s="10">
        <v>18418.099999999999</v>
      </c>
    </row>
    <row r="24" spans="1:4" x14ac:dyDescent="0.25">
      <c r="A24" s="11">
        <v>20</v>
      </c>
      <c r="B24" s="12">
        <v>1078347.8160000001</v>
      </c>
      <c r="C24" s="13" t="s">
        <v>5</v>
      </c>
      <c r="D24" s="14">
        <v>879941.82</v>
      </c>
    </row>
    <row r="25" spans="1:4" ht="15.75" thickBot="1" x14ac:dyDescent="0.3">
      <c r="A25" s="15"/>
      <c r="B25" s="16"/>
      <c r="C25" s="17" t="s">
        <v>23</v>
      </c>
      <c r="D25" s="18">
        <v>807861.6</v>
      </c>
    </row>
    <row r="26" spans="1:4" ht="15.75" thickBot="1" x14ac:dyDescent="0.3">
      <c r="A26" s="19">
        <v>21</v>
      </c>
      <c r="B26" s="20">
        <v>924323.4</v>
      </c>
      <c r="C26" s="21" t="s">
        <v>48</v>
      </c>
      <c r="D26" s="20"/>
    </row>
    <row r="27" spans="1:4" ht="15.75" thickBot="1" x14ac:dyDescent="0.3">
      <c r="A27" s="7">
        <v>22</v>
      </c>
      <c r="B27" s="8">
        <v>180000.36000000002</v>
      </c>
      <c r="C27" s="9" t="s">
        <v>29</v>
      </c>
      <c r="D27" s="10">
        <v>180000.36</v>
      </c>
    </row>
    <row r="28" spans="1:4" ht="15.75" thickBot="1" x14ac:dyDescent="0.3">
      <c r="A28" s="7">
        <v>23</v>
      </c>
      <c r="B28" s="8">
        <v>570000.24</v>
      </c>
      <c r="C28" s="9" t="s">
        <v>43</v>
      </c>
      <c r="D28" s="10">
        <v>558598.68000000005</v>
      </c>
    </row>
    <row r="29" spans="1:4" x14ac:dyDescent="0.25">
      <c r="A29" s="11">
        <v>24</v>
      </c>
      <c r="B29" s="12">
        <v>538053.84000000008</v>
      </c>
      <c r="C29" s="13" t="s">
        <v>17</v>
      </c>
      <c r="D29" s="14">
        <v>535824.72</v>
      </c>
    </row>
    <row r="30" spans="1:4" ht="15.75" thickBot="1" x14ac:dyDescent="0.3">
      <c r="A30" s="15"/>
      <c r="B30" s="16"/>
      <c r="C30" s="17" t="s">
        <v>43</v>
      </c>
      <c r="D30" s="18">
        <v>533595.6</v>
      </c>
    </row>
    <row r="31" spans="1:4" ht="15.75" thickBot="1" x14ac:dyDescent="0.3">
      <c r="A31" s="7">
        <v>25</v>
      </c>
      <c r="B31" s="8">
        <v>168212.16</v>
      </c>
      <c r="C31" s="9" t="s">
        <v>13</v>
      </c>
      <c r="D31" s="10">
        <v>313994.88</v>
      </c>
    </row>
    <row r="32" spans="1:4" x14ac:dyDescent="0.25">
      <c r="A32" s="11">
        <v>26</v>
      </c>
      <c r="B32" s="12">
        <v>251516.88</v>
      </c>
      <c r="C32" s="13" t="s">
        <v>37</v>
      </c>
      <c r="D32" s="14">
        <v>216648</v>
      </c>
    </row>
    <row r="33" spans="1:4" ht="15.75" thickBot="1" x14ac:dyDescent="0.3">
      <c r="A33" s="15"/>
      <c r="B33" s="16"/>
      <c r="C33" s="17" t="s">
        <v>43</v>
      </c>
      <c r="D33" s="18">
        <v>221881.68</v>
      </c>
    </row>
    <row r="34" spans="1:4" ht="15.75" thickBot="1" x14ac:dyDescent="0.3">
      <c r="A34" s="7">
        <v>27</v>
      </c>
      <c r="B34" s="8">
        <v>1484695.98</v>
      </c>
      <c r="C34" s="9" t="s">
        <v>43</v>
      </c>
      <c r="D34" s="10">
        <v>1469855.81</v>
      </c>
    </row>
    <row r="35" spans="1:4" ht="15.75" thickBot="1" x14ac:dyDescent="0.3">
      <c r="A35" s="7">
        <v>28</v>
      </c>
      <c r="B35" s="8">
        <v>152999.97120000003</v>
      </c>
      <c r="C35" s="9" t="s">
        <v>29</v>
      </c>
      <c r="D35" s="10">
        <v>122400.03</v>
      </c>
    </row>
    <row r="36" spans="1:4" ht="15.75" thickBot="1" x14ac:dyDescent="0.3">
      <c r="A36" s="7">
        <v>29</v>
      </c>
      <c r="B36" s="8">
        <v>1199998.8</v>
      </c>
      <c r="C36" s="9" t="s">
        <v>43</v>
      </c>
      <c r="D36" s="10">
        <v>1199998.8</v>
      </c>
    </row>
    <row r="37" spans="1:4" ht="15.75" thickBot="1" x14ac:dyDescent="0.3">
      <c r="A37" s="7">
        <v>30</v>
      </c>
      <c r="B37" s="8">
        <v>851083.20000000007</v>
      </c>
      <c r="C37" s="9" t="s">
        <v>43</v>
      </c>
      <c r="D37" s="10">
        <v>842572.37</v>
      </c>
    </row>
    <row r="38" spans="1:4" ht="15.75" thickBot="1" x14ac:dyDescent="0.3">
      <c r="A38" s="7">
        <v>31</v>
      </c>
      <c r="B38" s="8">
        <v>182665.62720000002</v>
      </c>
      <c r="C38" s="9" t="s">
        <v>5</v>
      </c>
      <c r="D38" s="10">
        <v>182665.63</v>
      </c>
    </row>
    <row r="39" spans="1:4" ht="15.75" thickBot="1" x14ac:dyDescent="0.3">
      <c r="A39" s="7">
        <v>32</v>
      </c>
      <c r="B39" s="8">
        <v>88702.991999999998</v>
      </c>
      <c r="C39" s="9" t="s">
        <v>43</v>
      </c>
      <c r="D39" s="10">
        <v>91362.6</v>
      </c>
    </row>
    <row r="40" spans="1:4" x14ac:dyDescent="0.25">
      <c r="A40" s="11">
        <v>33</v>
      </c>
      <c r="B40" s="12">
        <v>29043.360000000001</v>
      </c>
      <c r="C40" s="13" t="s">
        <v>37</v>
      </c>
      <c r="D40" s="14">
        <v>19116.13</v>
      </c>
    </row>
    <row r="41" spans="1:4" ht="15.75" thickBot="1" x14ac:dyDescent="0.3">
      <c r="A41" s="15"/>
      <c r="B41" s="16"/>
      <c r="C41" s="17" t="s">
        <v>43</v>
      </c>
      <c r="D41" s="18">
        <v>29043.360000000001</v>
      </c>
    </row>
    <row r="42" spans="1:4" ht="15.75" thickBot="1" x14ac:dyDescent="0.3">
      <c r="A42" s="7">
        <v>34</v>
      </c>
      <c r="B42" s="8">
        <v>1046673.2520000002</v>
      </c>
      <c r="C42" s="9" t="s">
        <v>41</v>
      </c>
      <c r="D42" s="10">
        <v>1046673.25</v>
      </c>
    </row>
    <row r="43" spans="1:4" x14ac:dyDescent="0.25">
      <c r="A43" s="11">
        <v>35</v>
      </c>
      <c r="B43" s="12">
        <v>333590.40000000002</v>
      </c>
      <c r="C43" s="13" t="s">
        <v>13</v>
      </c>
      <c r="D43" s="14">
        <v>205286.39999999999</v>
      </c>
    </row>
    <row r="44" spans="1:4" x14ac:dyDescent="0.25">
      <c r="A44" s="22"/>
      <c r="B44" s="4"/>
      <c r="C44" s="1" t="s">
        <v>17</v>
      </c>
      <c r="D44" s="23">
        <v>259174.08</v>
      </c>
    </row>
    <row r="45" spans="1:4" x14ac:dyDescent="0.25">
      <c r="A45" s="22"/>
      <c r="B45" s="4"/>
      <c r="C45" s="1" t="s">
        <v>23</v>
      </c>
      <c r="D45" s="23">
        <v>440082.72</v>
      </c>
    </row>
    <row r="46" spans="1:4" x14ac:dyDescent="0.25">
      <c r="A46" s="22"/>
      <c r="B46" s="4"/>
      <c r="C46" s="1" t="s">
        <v>25</v>
      </c>
      <c r="D46" s="23">
        <v>214053.84</v>
      </c>
    </row>
    <row r="47" spans="1:4" ht="15.75" thickBot="1" x14ac:dyDescent="0.3">
      <c r="A47" s="15"/>
      <c r="B47" s="16"/>
      <c r="C47" s="17" t="s">
        <v>43</v>
      </c>
      <c r="D47" s="18">
        <v>213840</v>
      </c>
    </row>
    <row r="48" spans="1:4" ht="15.75" thickBot="1" x14ac:dyDescent="0.3">
      <c r="A48" s="7">
        <v>36</v>
      </c>
      <c r="B48" s="8">
        <v>338399.85600000003</v>
      </c>
      <c r="C48" s="9" t="s">
        <v>5</v>
      </c>
      <c r="D48" s="10">
        <v>338399.86</v>
      </c>
    </row>
    <row r="49" spans="1:4" ht="15.75" thickBot="1" x14ac:dyDescent="0.3">
      <c r="A49" s="7">
        <v>37</v>
      </c>
      <c r="B49" s="8">
        <v>413868.26880000008</v>
      </c>
      <c r="C49" s="9" t="s">
        <v>35</v>
      </c>
      <c r="D49" s="10">
        <v>413868.26</v>
      </c>
    </row>
    <row r="50" spans="1:4" ht="15.75" thickBot="1" x14ac:dyDescent="0.3">
      <c r="A50" s="7">
        <v>38</v>
      </c>
      <c r="B50" s="8">
        <v>720534.52800000017</v>
      </c>
      <c r="C50" s="9" t="s">
        <v>48</v>
      </c>
      <c r="D50" s="10"/>
    </row>
    <row r="51" spans="1:4" ht="15.75" thickBot="1" x14ac:dyDescent="0.3">
      <c r="A51" s="7">
        <v>39</v>
      </c>
      <c r="B51" s="8">
        <v>17024.990399999999</v>
      </c>
      <c r="C51" s="9" t="s">
        <v>5</v>
      </c>
      <c r="D51" s="10">
        <v>17024.990000000002</v>
      </c>
    </row>
    <row r="52" spans="1:4" ht="15.75" thickBot="1" x14ac:dyDescent="0.3">
      <c r="A52" s="24">
        <v>40</v>
      </c>
      <c r="B52" s="25">
        <v>13560.7392</v>
      </c>
      <c r="C52" s="26" t="s">
        <v>43</v>
      </c>
      <c r="D52" s="27">
        <v>13560.74</v>
      </c>
    </row>
    <row r="53" spans="1:4" ht="15.75" thickBot="1" x14ac:dyDescent="0.3">
      <c r="A53" s="7">
        <v>41</v>
      </c>
      <c r="B53" s="8">
        <v>72855.547200000001</v>
      </c>
      <c r="C53" s="9" t="s">
        <v>43</v>
      </c>
      <c r="D53" s="10">
        <v>72855.539999999994</v>
      </c>
    </row>
    <row r="54" spans="1:4" ht="15.75" thickBot="1" x14ac:dyDescent="0.3">
      <c r="A54" s="7">
        <v>42</v>
      </c>
      <c r="B54" s="8">
        <v>46619.798400000007</v>
      </c>
      <c r="C54" s="9" t="s">
        <v>48</v>
      </c>
      <c r="D54" s="10"/>
    </row>
    <row r="55" spans="1:4" ht="15.75" thickBot="1" x14ac:dyDescent="0.3">
      <c r="A55" s="7">
        <v>43</v>
      </c>
      <c r="B55" s="8">
        <v>19070.9856</v>
      </c>
      <c r="C55" s="9" t="s">
        <v>39</v>
      </c>
      <c r="D55" s="10">
        <v>92210.1</v>
      </c>
    </row>
    <row r="56" spans="1:4" x14ac:dyDescent="0.25">
      <c r="A56" s="11">
        <v>44</v>
      </c>
      <c r="B56" s="12">
        <v>28796.388624000003</v>
      </c>
      <c r="C56" s="13" t="s">
        <v>23</v>
      </c>
      <c r="D56" s="14">
        <v>27143.42</v>
      </c>
    </row>
    <row r="57" spans="1:4" ht="15.75" thickBot="1" x14ac:dyDescent="0.3">
      <c r="A57" s="15"/>
      <c r="B57" s="16"/>
      <c r="C57" s="17" t="s">
        <v>25</v>
      </c>
      <c r="D57" s="18">
        <v>22108.38</v>
      </c>
    </row>
    <row r="58" spans="1:4" ht="15.75" thickBot="1" x14ac:dyDescent="0.3">
      <c r="A58" s="7">
        <v>45</v>
      </c>
      <c r="B58" s="8">
        <v>207930.24000000002</v>
      </c>
      <c r="C58" s="9" t="s">
        <v>48</v>
      </c>
      <c r="D58" s="10"/>
    </row>
    <row r="59" spans="1:4" x14ac:dyDescent="0.25">
      <c r="A59" s="11">
        <v>46</v>
      </c>
      <c r="B59" s="12">
        <v>55883.520000000004</v>
      </c>
      <c r="C59" s="13" t="s">
        <v>17</v>
      </c>
      <c r="D59" s="14">
        <v>52059.11</v>
      </c>
    </row>
    <row r="60" spans="1:4" x14ac:dyDescent="0.25">
      <c r="A60" s="22"/>
      <c r="B60" s="4"/>
      <c r="C60" s="1" t="s">
        <v>19</v>
      </c>
      <c r="D60" s="23">
        <v>51853.82</v>
      </c>
    </row>
    <row r="61" spans="1:4" ht="15.75" thickBot="1" x14ac:dyDescent="0.3">
      <c r="A61" s="15"/>
      <c r="B61" s="16"/>
      <c r="C61" s="17" t="s">
        <v>20</v>
      </c>
      <c r="D61" s="18">
        <v>54362.879999999997</v>
      </c>
    </row>
    <row r="62" spans="1:4" x14ac:dyDescent="0.25">
      <c r="A62" s="11">
        <v>47</v>
      </c>
      <c r="B62" s="12">
        <v>21816</v>
      </c>
      <c r="C62" s="13" t="s">
        <v>17</v>
      </c>
      <c r="D62" s="28">
        <v>16416</v>
      </c>
    </row>
    <row r="63" spans="1:4" x14ac:dyDescent="0.25">
      <c r="A63" s="22"/>
      <c r="B63" s="4"/>
      <c r="C63" s="1" t="s">
        <v>19</v>
      </c>
      <c r="D63" s="29">
        <v>13737.6</v>
      </c>
    </row>
    <row r="64" spans="1:4" x14ac:dyDescent="0.25">
      <c r="A64" s="22"/>
      <c r="B64" s="4"/>
      <c r="C64" s="1" t="s">
        <v>20</v>
      </c>
      <c r="D64" s="29">
        <v>16766.78</v>
      </c>
    </row>
    <row r="65" spans="1:4" ht="15.75" thickBot="1" x14ac:dyDescent="0.3">
      <c r="A65" s="15"/>
      <c r="B65" s="16"/>
      <c r="C65" s="17" t="s">
        <v>31</v>
      </c>
      <c r="D65" s="30">
        <v>12916.8</v>
      </c>
    </row>
    <row r="66" spans="1:4" x14ac:dyDescent="0.25">
      <c r="A66" s="11">
        <v>48</v>
      </c>
      <c r="B66" s="12">
        <v>67200.019199999995</v>
      </c>
      <c r="C66" s="13" t="s">
        <v>33</v>
      </c>
      <c r="D66" s="14">
        <v>207930.23999999999</v>
      </c>
    </row>
    <row r="67" spans="1:4" ht="15.75" thickBot="1" x14ac:dyDescent="0.3">
      <c r="A67" s="15"/>
      <c r="B67" s="16"/>
      <c r="C67" s="17" t="s">
        <v>47</v>
      </c>
      <c r="D67" s="18">
        <v>67200.02</v>
      </c>
    </row>
    <row r="68" spans="1:4" ht="15.75" thickBot="1" x14ac:dyDescent="0.3">
      <c r="A68" s="7">
        <v>49</v>
      </c>
      <c r="B68" s="8">
        <v>37252.008000000002</v>
      </c>
      <c r="C68" s="9" t="s">
        <v>47</v>
      </c>
      <c r="D68" s="10">
        <v>37252.01</v>
      </c>
    </row>
    <row r="69" spans="1:4" ht="15.75" thickBot="1" x14ac:dyDescent="0.3">
      <c r="A69" s="7">
        <v>50</v>
      </c>
      <c r="B69" s="8">
        <v>24774.552000000003</v>
      </c>
      <c r="C69" s="9" t="s">
        <v>35</v>
      </c>
      <c r="D69" s="10">
        <v>26013.27</v>
      </c>
    </row>
    <row r="70" spans="1:4" x14ac:dyDescent="0.25">
      <c r="A70" s="11">
        <v>51</v>
      </c>
      <c r="B70" s="12">
        <v>3800.0016000000001</v>
      </c>
      <c r="C70" s="13" t="s">
        <v>13</v>
      </c>
      <c r="D70" s="14">
        <v>4070.3</v>
      </c>
    </row>
    <row r="71" spans="1:4" ht="15.75" thickBot="1" x14ac:dyDescent="0.3">
      <c r="A71" s="15"/>
      <c r="B71" s="16"/>
      <c r="C71" s="17" t="s">
        <v>43</v>
      </c>
      <c r="D71" s="18">
        <v>4070.84</v>
      </c>
    </row>
    <row r="72" spans="1:4" x14ac:dyDescent="0.25">
      <c r="A72" s="11">
        <v>52</v>
      </c>
      <c r="B72" s="12">
        <v>88032.744000000006</v>
      </c>
      <c r="C72" s="13" t="s">
        <v>13</v>
      </c>
      <c r="D72" s="14">
        <v>50299.92</v>
      </c>
    </row>
    <row r="73" spans="1:4" x14ac:dyDescent="0.25">
      <c r="A73" s="22"/>
      <c r="B73" s="4"/>
      <c r="C73" s="1" t="s">
        <v>25</v>
      </c>
      <c r="D73" s="23">
        <v>51324.84</v>
      </c>
    </row>
    <row r="74" spans="1:4" ht="15.75" thickBot="1" x14ac:dyDescent="0.3">
      <c r="A74" s="15"/>
      <c r="B74" s="16"/>
      <c r="C74" s="17" t="s">
        <v>43</v>
      </c>
      <c r="D74" s="18">
        <v>57726.65</v>
      </c>
    </row>
    <row r="75" spans="1:4" x14ac:dyDescent="0.25">
      <c r="A75" s="11">
        <v>53</v>
      </c>
      <c r="B75" s="12">
        <v>38685.600000000006</v>
      </c>
      <c r="C75" s="13" t="s">
        <v>13</v>
      </c>
      <c r="D75" s="14">
        <v>21384</v>
      </c>
    </row>
    <row r="76" spans="1:4" x14ac:dyDescent="0.25">
      <c r="A76" s="22"/>
      <c r="B76" s="4"/>
      <c r="C76" s="1" t="s">
        <v>14</v>
      </c>
      <c r="D76" s="23">
        <v>27172.799999999999</v>
      </c>
    </row>
    <row r="77" spans="1:4" x14ac:dyDescent="0.25">
      <c r="A77" s="22"/>
      <c r="B77" s="4"/>
      <c r="C77" s="1" t="s">
        <v>25</v>
      </c>
      <c r="D77" s="23">
        <v>19958.400000000001</v>
      </c>
    </row>
    <row r="78" spans="1:4" ht="15.75" thickBot="1" x14ac:dyDescent="0.3">
      <c r="A78" s="15"/>
      <c r="B78" s="16"/>
      <c r="C78" s="17" t="s">
        <v>43</v>
      </c>
      <c r="D78" s="18">
        <v>23332.32</v>
      </c>
    </row>
    <row r="79" spans="1:4" x14ac:dyDescent="0.25">
      <c r="A79" s="11">
        <v>54</v>
      </c>
      <c r="B79" s="12">
        <v>2726.7840000000001</v>
      </c>
      <c r="C79" s="13" t="s">
        <v>17</v>
      </c>
      <c r="D79" s="14">
        <v>2588.44</v>
      </c>
    </row>
    <row r="80" spans="1:4" x14ac:dyDescent="0.25">
      <c r="A80" s="22"/>
      <c r="B80" s="4"/>
      <c r="C80" s="1" t="s">
        <v>43</v>
      </c>
      <c r="D80" s="23">
        <v>2721.92</v>
      </c>
    </row>
    <row r="81" spans="1:4" ht="15.75" thickBot="1" x14ac:dyDescent="0.3">
      <c r="A81" s="15"/>
      <c r="B81" s="16"/>
      <c r="C81" s="17" t="s">
        <v>45</v>
      </c>
      <c r="D81" s="18">
        <v>2803.25</v>
      </c>
    </row>
    <row r="82" spans="1:4" ht="15.75" thickBot="1" x14ac:dyDescent="0.3">
      <c r="A82" s="7">
        <v>55</v>
      </c>
      <c r="B82" s="8">
        <v>949999.66559999995</v>
      </c>
      <c r="C82" s="9" t="s">
        <v>8</v>
      </c>
      <c r="D82" s="10">
        <v>930999.79</v>
      </c>
    </row>
    <row r="83" spans="1:4" ht="15.75" thickBot="1" x14ac:dyDescent="0.3">
      <c r="A83" s="7">
        <v>56</v>
      </c>
      <c r="B83" s="8">
        <v>478800.13680000004</v>
      </c>
      <c r="C83" s="9" t="s">
        <v>43</v>
      </c>
      <c r="D83" s="10">
        <v>300199.8</v>
      </c>
    </row>
    <row r="86" spans="1:4" x14ac:dyDescent="0.25">
      <c r="C86" t="s">
        <v>49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3A6E1D-95A5-49BE-AFD7-2FCE508ECC4A}">
  <dimension ref="A1:B35"/>
  <sheetViews>
    <sheetView topLeftCell="A13" workbookViewId="0">
      <selection activeCell="D32" sqref="D32"/>
    </sheetView>
  </sheetViews>
  <sheetFormatPr defaultRowHeight="15" x14ac:dyDescent="0.25"/>
  <cols>
    <col min="1" max="1" width="13.28515625" style="33" customWidth="1"/>
    <col min="2" max="2" width="49.42578125" customWidth="1"/>
  </cols>
  <sheetData>
    <row r="1" spans="1:2" x14ac:dyDescent="0.25">
      <c r="A1" s="31" t="s">
        <v>6</v>
      </c>
      <c r="B1" s="2" t="s">
        <v>4</v>
      </c>
    </row>
    <row r="2" spans="1:2" ht="30" x14ac:dyDescent="0.25">
      <c r="A2" s="32">
        <v>1</v>
      </c>
      <c r="B2" s="34" t="s">
        <v>7</v>
      </c>
    </row>
    <row r="3" spans="1:2" x14ac:dyDescent="0.25">
      <c r="A3" s="32">
        <v>2</v>
      </c>
      <c r="B3" s="34" t="s">
        <v>9</v>
      </c>
    </row>
    <row r="4" spans="1:2" x14ac:dyDescent="0.25">
      <c r="A4" s="32">
        <v>3</v>
      </c>
      <c r="B4" s="34" t="s">
        <v>11</v>
      </c>
    </row>
    <row r="5" spans="1:2" x14ac:dyDescent="0.25">
      <c r="A5" s="32">
        <v>4</v>
      </c>
      <c r="B5" s="34" t="s">
        <v>12</v>
      </c>
    </row>
    <row r="6" spans="1:2" ht="30" x14ac:dyDescent="0.25">
      <c r="A6" s="32">
        <v>5</v>
      </c>
      <c r="B6" s="34" t="s">
        <v>15</v>
      </c>
    </row>
    <row r="7" spans="1:2" ht="30" x14ac:dyDescent="0.25">
      <c r="A7" s="32">
        <v>6</v>
      </c>
      <c r="B7" s="34" t="s">
        <v>16</v>
      </c>
    </row>
    <row r="8" spans="1:2" x14ac:dyDescent="0.25">
      <c r="A8" s="32">
        <v>7</v>
      </c>
      <c r="B8" s="34" t="s">
        <v>18</v>
      </c>
    </row>
    <row r="9" spans="1:2" ht="30" x14ac:dyDescent="0.25">
      <c r="A9" s="32">
        <v>8</v>
      </c>
      <c r="B9" s="34" t="s">
        <v>21</v>
      </c>
    </row>
    <row r="10" spans="1:2" x14ac:dyDescent="0.25">
      <c r="A10" s="32">
        <v>9</v>
      </c>
      <c r="B10" s="34" t="s">
        <v>22</v>
      </c>
    </row>
    <row r="11" spans="1:2" ht="30" x14ac:dyDescent="0.25">
      <c r="A11" s="32">
        <v>10</v>
      </c>
      <c r="B11" s="34" t="s">
        <v>24</v>
      </c>
    </row>
    <row r="12" spans="1:2" ht="30" x14ac:dyDescent="0.25">
      <c r="A12" s="32">
        <v>11</v>
      </c>
      <c r="B12" s="34" t="s">
        <v>26</v>
      </c>
    </row>
    <row r="13" spans="1:2" ht="30" x14ac:dyDescent="0.25">
      <c r="A13" s="32">
        <v>12</v>
      </c>
      <c r="B13" s="34" t="s">
        <v>28</v>
      </c>
    </row>
    <row r="14" spans="1:2" ht="30" x14ac:dyDescent="0.25">
      <c r="A14" s="32">
        <v>13</v>
      </c>
      <c r="B14" s="34" t="s">
        <v>30</v>
      </c>
    </row>
    <row r="15" spans="1:2" ht="30" x14ac:dyDescent="0.25">
      <c r="A15" s="32">
        <v>14</v>
      </c>
      <c r="B15" s="34" t="s">
        <v>32</v>
      </c>
    </row>
    <row r="16" spans="1:2" ht="30" x14ac:dyDescent="0.25">
      <c r="A16" s="32">
        <v>15</v>
      </c>
      <c r="B16" s="34" t="s">
        <v>34</v>
      </c>
    </row>
    <row r="17" spans="1:2" ht="30" x14ac:dyDescent="0.25">
      <c r="A17" s="32">
        <v>16</v>
      </c>
      <c r="B17" s="34" t="s">
        <v>36</v>
      </c>
    </row>
    <row r="18" spans="1:2" ht="30" x14ac:dyDescent="0.25">
      <c r="A18" s="32">
        <v>17</v>
      </c>
      <c r="B18" s="34" t="s">
        <v>38</v>
      </c>
    </row>
    <row r="19" spans="1:2" ht="45" x14ac:dyDescent="0.25">
      <c r="A19" s="32">
        <v>18</v>
      </c>
      <c r="B19" s="34" t="s">
        <v>40</v>
      </c>
    </row>
    <row r="20" spans="1:2" ht="45" x14ac:dyDescent="0.25">
      <c r="A20" s="32">
        <v>19</v>
      </c>
      <c r="B20" s="34" t="s">
        <v>42</v>
      </c>
    </row>
    <row r="21" spans="1:2" ht="30" x14ac:dyDescent="0.25">
      <c r="A21" s="32">
        <v>20</v>
      </c>
      <c r="B21" s="34" t="s">
        <v>44</v>
      </c>
    </row>
    <row r="22" spans="1:2" ht="30" x14ac:dyDescent="0.25">
      <c r="A22" s="32">
        <v>21</v>
      </c>
      <c r="B22" s="34" t="s">
        <v>46</v>
      </c>
    </row>
    <row r="23" spans="1:2" x14ac:dyDescent="0.25">
      <c r="A23" s="35"/>
      <c r="B23" s="36"/>
    </row>
    <row r="24" spans="1:2" x14ac:dyDescent="0.25">
      <c r="A24" s="37"/>
      <c r="B24" s="38"/>
    </row>
    <row r="25" spans="1:2" x14ac:dyDescent="0.25">
      <c r="A25" s="37"/>
      <c r="B25" t="s">
        <v>49</v>
      </c>
    </row>
    <row r="26" spans="1:2" x14ac:dyDescent="0.25">
      <c r="A26" s="37"/>
      <c r="B26" s="38"/>
    </row>
    <row r="27" spans="1:2" x14ac:dyDescent="0.25">
      <c r="A27" s="37"/>
      <c r="B27" s="38"/>
    </row>
    <row r="28" spans="1:2" x14ac:dyDescent="0.25">
      <c r="A28" s="37"/>
      <c r="B28" s="38"/>
    </row>
    <row r="29" spans="1:2" x14ac:dyDescent="0.25">
      <c r="A29" s="37"/>
      <c r="B29" s="38"/>
    </row>
    <row r="30" spans="1:2" x14ac:dyDescent="0.25">
      <c r="B30" s="3"/>
    </row>
    <row r="31" spans="1:2" x14ac:dyDescent="0.25">
      <c r="B31" s="3"/>
    </row>
    <row r="32" spans="1:2" x14ac:dyDescent="0.25">
      <c r="B32" s="3"/>
    </row>
    <row r="33" spans="2:2" x14ac:dyDescent="0.25">
      <c r="B33" s="3"/>
    </row>
    <row r="34" spans="2:2" x14ac:dyDescent="0.25">
      <c r="B34" s="3"/>
    </row>
    <row r="35" spans="2:2" x14ac:dyDescent="0.25">
      <c r="B35" s="3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Zbiorcze zestawienie ofert</vt:lpstr>
      <vt:lpstr>Dane adresowe Wykonawc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anisława Masłowska</dc:creator>
  <cp:lastModifiedBy>Stanisława Masłowska</cp:lastModifiedBy>
  <dcterms:created xsi:type="dcterms:W3CDTF">2021-03-04T09:02:44Z</dcterms:created>
  <dcterms:modified xsi:type="dcterms:W3CDTF">2021-03-04T12:40:36Z</dcterms:modified>
</cp:coreProperties>
</file>